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4\HP1904\"/>
    </mc:Choice>
  </mc:AlternateContent>
  <bookViews>
    <workbookView xWindow="0" yWindow="0" windowWidth="23040" windowHeight="9384"/>
  </bookViews>
  <sheets>
    <sheet name="jinko" sheetId="1" r:id="rId1"/>
  </sheets>
  <definedNames>
    <definedName name="_xlnm.Print_Area" localSheetId="0">jinko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0" uniqueCount="32">
  <si>
    <t>富山市の人口</t>
  </si>
  <si>
    <t>住民基本台帳人口</t>
  </si>
  <si>
    <t>平成　　31　 年</t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平成31年　　月別動態別人口）</t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0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2" fillId="0" borderId="15" xfId="1" applyFont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15" xfId="1" applyFont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176" fontId="6" fillId="0" borderId="0" xfId="1" applyNumberFormat="1" applyFont="1" applyAlignment="1">
      <alignment horizontal="right" vertical="center"/>
    </xf>
    <xf numFmtId="0" fontId="6" fillId="0" borderId="0" xfId="1" applyFont="1" applyAlignment="1">
      <alignment horizontal="distributed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1" fillId="0" borderId="11" xfId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AG33"/>
  <sheetViews>
    <sheetView tabSelected="1" zoomScale="85" zoomScaleNormal="85" workbookViewId="0">
      <selection activeCell="AM1" sqref="AM1:XFD1048576"/>
    </sheetView>
  </sheetViews>
  <sheetFormatPr defaultColWidth="0" defaultRowHeight="13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8" width="9" style="2" customWidth="1"/>
    <col min="39" max="16384" width="9" style="2" hidden="1"/>
  </cols>
  <sheetData>
    <row r="1" spans="1:32" ht="41.25" customHeight="1">
      <c r="L1" s="3"/>
      <c r="M1" s="65" t="s">
        <v>0</v>
      </c>
      <c r="N1" s="66"/>
      <c r="O1" s="66"/>
      <c r="P1" s="66"/>
      <c r="Q1" s="66"/>
      <c r="R1" s="66"/>
      <c r="S1" s="66"/>
      <c r="T1" s="66"/>
      <c r="U1" s="66"/>
      <c r="V1" s="66"/>
      <c r="W1" s="67"/>
    </row>
    <row r="2" spans="1:32" ht="24.75" customHeight="1">
      <c r="L2" s="3"/>
      <c r="M2" s="4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68" t="s">
        <v>1</v>
      </c>
      <c r="L3" s="69"/>
      <c r="M3" s="69"/>
      <c r="N3" s="69"/>
      <c r="O3" s="69"/>
      <c r="P3" s="68" t="s">
        <v>2</v>
      </c>
      <c r="Q3" s="69"/>
      <c r="R3" s="69"/>
      <c r="S3" s="69"/>
      <c r="T3" s="69"/>
      <c r="U3" s="5">
        <v>4</v>
      </c>
      <c r="V3" s="6" t="s">
        <v>3</v>
      </c>
      <c r="W3" s="6"/>
    </row>
    <row r="4" spans="1:32" ht="24.9" customHeight="1"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</row>
    <row r="5" spans="1:32" ht="24.9" customHeight="1">
      <c r="L5" s="6"/>
      <c r="M5" s="52" t="s">
        <v>4</v>
      </c>
      <c r="N5" s="52"/>
      <c r="O5" s="52"/>
      <c r="P5" s="6"/>
      <c r="Q5" s="6"/>
      <c r="R5" s="51">
        <v>179052</v>
      </c>
      <c r="S5" s="51"/>
      <c r="T5" s="51"/>
      <c r="U5" s="7"/>
      <c r="V5" s="8" t="s">
        <v>4</v>
      </c>
      <c r="W5" s="6"/>
    </row>
    <row r="6" spans="1:32" ht="24.9" customHeight="1">
      <c r="L6" s="6"/>
      <c r="M6" s="52" t="s">
        <v>5</v>
      </c>
      <c r="N6" s="52"/>
      <c r="O6" s="52"/>
      <c r="P6" s="6"/>
      <c r="Q6" s="6"/>
      <c r="R6" s="51">
        <v>416026</v>
      </c>
      <c r="S6" s="51"/>
      <c r="T6" s="51"/>
      <c r="U6" s="9"/>
      <c r="V6" s="8" t="s">
        <v>6</v>
      </c>
      <c r="W6" s="6"/>
    </row>
    <row r="7" spans="1:32" ht="24.9" customHeight="1">
      <c r="L7" s="6"/>
      <c r="M7" s="6"/>
      <c r="N7" s="8" t="s">
        <v>7</v>
      </c>
      <c r="O7" s="6"/>
      <c r="P7" s="6"/>
      <c r="Q7" s="6"/>
      <c r="R7" s="51">
        <v>202543</v>
      </c>
      <c r="S7" s="51"/>
      <c r="T7" s="51"/>
      <c r="U7" s="9"/>
      <c r="V7" s="8" t="s">
        <v>6</v>
      </c>
      <c r="W7" s="6"/>
    </row>
    <row r="8" spans="1:32" ht="24.9" customHeight="1">
      <c r="L8" s="6"/>
      <c r="M8" s="6"/>
      <c r="N8" s="8" t="s">
        <v>8</v>
      </c>
      <c r="O8" s="6"/>
      <c r="P8" s="6"/>
      <c r="Q8" s="6"/>
      <c r="R8" s="51">
        <v>213483</v>
      </c>
      <c r="S8" s="51"/>
      <c r="T8" s="51"/>
      <c r="U8" s="9"/>
      <c r="V8" s="8" t="s">
        <v>6</v>
      </c>
      <c r="W8" s="6"/>
    </row>
    <row r="9" spans="1:32" ht="14.25" customHeight="1">
      <c r="L9" s="6"/>
      <c r="M9" s="6"/>
      <c r="N9" s="6"/>
      <c r="O9" s="6"/>
      <c r="P9" s="6"/>
      <c r="Q9" s="6"/>
      <c r="R9" s="6"/>
      <c r="S9" s="6"/>
      <c r="T9" s="6"/>
      <c r="U9" s="6"/>
      <c r="V9" s="8"/>
      <c r="W9" s="6"/>
    </row>
    <row r="10" spans="1:32" ht="24.9" customHeight="1">
      <c r="L10" s="6"/>
      <c r="M10" s="52" t="s">
        <v>9</v>
      </c>
      <c r="N10" s="52"/>
      <c r="O10" s="52"/>
      <c r="P10" s="6"/>
      <c r="Q10" s="6"/>
      <c r="R10" s="53">
        <v>1241.77</v>
      </c>
      <c r="S10" s="53"/>
      <c r="T10" s="53"/>
      <c r="U10" s="6"/>
      <c r="V10" s="8" t="s">
        <v>10</v>
      </c>
      <c r="W10" s="6"/>
    </row>
    <row r="11" spans="1:32" ht="24.9" customHeight="1"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</row>
    <row r="12" spans="1:32" ht="24.9" customHeight="1">
      <c r="K12" s="54" t="s">
        <v>11</v>
      </c>
      <c r="L12" s="55"/>
      <c r="M12" s="55"/>
      <c r="N12" s="55"/>
      <c r="O12" s="55"/>
      <c r="P12" s="55"/>
      <c r="Q12" s="55"/>
      <c r="R12" s="55"/>
      <c r="S12" s="55"/>
      <c r="T12" s="55"/>
      <c r="U12" s="55"/>
      <c r="V12" s="55"/>
      <c r="W12" s="55"/>
      <c r="X12" s="55"/>
    </row>
    <row r="13" spans="1:32" ht="24.9" customHeight="1"/>
    <row r="14" spans="1:32" ht="20.100000000000001" customHeight="1">
      <c r="A14" s="56"/>
      <c r="B14" s="58" t="s">
        <v>12</v>
      </c>
      <c r="C14" s="59"/>
      <c r="D14" s="59"/>
      <c r="E14" s="59"/>
      <c r="F14" s="59"/>
      <c r="G14" s="59"/>
      <c r="H14" s="60"/>
      <c r="I14" s="58" t="s">
        <v>13</v>
      </c>
      <c r="J14" s="59"/>
      <c r="K14" s="59"/>
      <c r="L14" s="59"/>
      <c r="M14" s="59"/>
      <c r="N14" s="59"/>
      <c r="O14" s="59"/>
      <c r="P14" s="59"/>
      <c r="Q14" s="59"/>
      <c r="R14" s="59"/>
      <c r="S14" s="59"/>
      <c r="T14" s="59"/>
      <c r="U14" s="59"/>
      <c r="V14" s="59"/>
      <c r="W14" s="59"/>
      <c r="X14" s="59"/>
      <c r="Y14" s="59"/>
      <c r="Z14" s="59"/>
      <c r="AA14" s="60"/>
      <c r="AB14" s="10"/>
      <c r="AC14" s="11"/>
      <c r="AD14" s="11"/>
      <c r="AE14" s="11"/>
      <c r="AF14" s="12"/>
    </row>
    <row r="15" spans="1:32" ht="20.100000000000001" customHeight="1">
      <c r="A15" s="57"/>
      <c r="B15" s="61" t="s">
        <v>14</v>
      </c>
      <c r="C15" s="62"/>
      <c r="D15" s="63"/>
      <c r="E15" s="61" t="s">
        <v>15</v>
      </c>
      <c r="F15" s="62"/>
      <c r="G15" s="63"/>
      <c r="H15" s="39" t="s">
        <v>16</v>
      </c>
      <c r="I15" s="41" t="s">
        <v>17</v>
      </c>
      <c r="J15" s="42"/>
      <c r="K15" s="42"/>
      <c r="L15" s="42"/>
      <c r="M15" s="42"/>
      <c r="N15" s="42"/>
      <c r="O15" s="42"/>
      <c r="P15" s="42"/>
      <c r="Q15" s="43"/>
      <c r="R15" s="41" t="s">
        <v>18</v>
      </c>
      <c r="S15" s="42"/>
      <c r="T15" s="42"/>
      <c r="U15" s="42"/>
      <c r="V15" s="42"/>
      <c r="W15" s="42"/>
      <c r="X15" s="42"/>
      <c r="Y15" s="42"/>
      <c r="Z15" s="43"/>
      <c r="AA15" s="39" t="s">
        <v>16</v>
      </c>
      <c r="AB15" s="44" t="s">
        <v>16</v>
      </c>
      <c r="AC15" s="45" t="s">
        <v>19</v>
      </c>
      <c r="AD15" s="46"/>
      <c r="AE15" s="46"/>
      <c r="AF15" s="47"/>
    </row>
    <row r="16" spans="1:32" ht="20.100000000000001" customHeight="1">
      <c r="A16" s="57"/>
      <c r="B16" s="48"/>
      <c r="C16" s="49"/>
      <c r="D16" s="64"/>
      <c r="E16" s="48"/>
      <c r="F16" s="49"/>
      <c r="G16" s="64"/>
      <c r="H16" s="40"/>
      <c r="I16" s="41" t="s">
        <v>20</v>
      </c>
      <c r="J16" s="42"/>
      <c r="K16" s="42"/>
      <c r="L16" s="43"/>
      <c r="M16" s="41" t="s">
        <v>21</v>
      </c>
      <c r="N16" s="42"/>
      <c r="O16" s="42"/>
      <c r="P16" s="43"/>
      <c r="Q16" s="13" t="s">
        <v>22</v>
      </c>
      <c r="R16" s="41" t="s">
        <v>20</v>
      </c>
      <c r="S16" s="42"/>
      <c r="T16" s="42"/>
      <c r="U16" s="43"/>
      <c r="V16" s="41" t="s">
        <v>21</v>
      </c>
      <c r="W16" s="42"/>
      <c r="X16" s="42"/>
      <c r="Y16" s="43"/>
      <c r="Z16" s="13" t="s">
        <v>22</v>
      </c>
      <c r="AA16" s="44"/>
      <c r="AB16" s="44"/>
      <c r="AC16" s="48"/>
      <c r="AD16" s="49"/>
      <c r="AE16" s="49"/>
      <c r="AF16" s="50"/>
    </row>
    <row r="17" spans="1:32" ht="20.100000000000001" customHeight="1">
      <c r="A17" s="14" t="s">
        <v>23</v>
      </c>
      <c r="B17" s="15" t="s">
        <v>7</v>
      </c>
      <c r="C17" s="16" t="s">
        <v>8</v>
      </c>
      <c r="D17" s="16" t="s">
        <v>24</v>
      </c>
      <c r="E17" s="16" t="s">
        <v>7</v>
      </c>
      <c r="F17" s="16" t="s">
        <v>8</v>
      </c>
      <c r="G17" s="16" t="s">
        <v>24</v>
      </c>
      <c r="H17" s="15" t="s">
        <v>25</v>
      </c>
      <c r="I17" s="16" t="s">
        <v>4</v>
      </c>
      <c r="J17" s="16" t="s">
        <v>26</v>
      </c>
      <c r="K17" s="16" t="s">
        <v>8</v>
      </c>
      <c r="L17" s="16" t="s">
        <v>24</v>
      </c>
      <c r="M17" s="16" t="s">
        <v>4</v>
      </c>
      <c r="N17" s="16" t="s">
        <v>7</v>
      </c>
      <c r="O17" s="16" t="s">
        <v>8</v>
      </c>
      <c r="P17" s="16" t="s">
        <v>24</v>
      </c>
      <c r="Q17" s="15" t="s">
        <v>24</v>
      </c>
      <c r="R17" s="16" t="s">
        <v>4</v>
      </c>
      <c r="S17" s="16" t="s">
        <v>7</v>
      </c>
      <c r="T17" s="16" t="s">
        <v>8</v>
      </c>
      <c r="U17" s="16" t="s">
        <v>24</v>
      </c>
      <c r="V17" s="16" t="s">
        <v>4</v>
      </c>
      <c r="W17" s="16" t="s">
        <v>7</v>
      </c>
      <c r="X17" s="16" t="s">
        <v>8</v>
      </c>
      <c r="Y17" s="16" t="s">
        <v>24</v>
      </c>
      <c r="Z17" s="15" t="s">
        <v>24</v>
      </c>
      <c r="AA17" s="15" t="s">
        <v>27</v>
      </c>
      <c r="AB17" s="15" t="s">
        <v>28</v>
      </c>
      <c r="AC17" s="15" t="s">
        <v>4</v>
      </c>
      <c r="AD17" s="16" t="s">
        <v>7</v>
      </c>
      <c r="AE17" s="16" t="s">
        <v>8</v>
      </c>
      <c r="AF17" s="17" t="s">
        <v>24</v>
      </c>
    </row>
    <row r="18" spans="1:32" ht="20.100000000000001" customHeight="1">
      <c r="A18" s="18">
        <v>1</v>
      </c>
      <c r="B18" s="19">
        <v>134</v>
      </c>
      <c r="C18" s="19">
        <v>140</v>
      </c>
      <c r="D18" s="20">
        <v>274</v>
      </c>
      <c r="E18" s="19">
        <v>215</v>
      </c>
      <c r="F18" s="19">
        <v>258</v>
      </c>
      <c r="G18" s="20">
        <v>473</v>
      </c>
      <c r="H18" s="20">
        <v>-199</v>
      </c>
      <c r="I18" s="19">
        <v>286</v>
      </c>
      <c r="J18" s="19">
        <v>98</v>
      </c>
      <c r="K18" s="19">
        <v>105</v>
      </c>
      <c r="L18" s="20">
        <v>203</v>
      </c>
      <c r="M18" s="19">
        <v>384</v>
      </c>
      <c r="N18" s="19">
        <v>357</v>
      </c>
      <c r="O18" s="19">
        <v>232</v>
      </c>
      <c r="P18" s="20">
        <v>589</v>
      </c>
      <c r="Q18" s="20">
        <v>792</v>
      </c>
      <c r="R18" s="19">
        <v>402</v>
      </c>
      <c r="S18" s="19">
        <v>134</v>
      </c>
      <c r="T18" s="19">
        <v>126</v>
      </c>
      <c r="U18" s="20">
        <v>260</v>
      </c>
      <c r="V18" s="19">
        <v>308</v>
      </c>
      <c r="W18" s="19">
        <v>342</v>
      </c>
      <c r="X18" s="19">
        <v>208</v>
      </c>
      <c r="Y18" s="20">
        <v>550</v>
      </c>
      <c r="Z18" s="20">
        <v>810</v>
      </c>
      <c r="AA18" s="20">
        <v>-18</v>
      </c>
      <c r="AB18" s="20">
        <v>-217</v>
      </c>
      <c r="AC18" s="21">
        <v>178510</v>
      </c>
      <c r="AD18" s="21">
        <v>203180</v>
      </c>
      <c r="AE18" s="21">
        <v>213837</v>
      </c>
      <c r="AF18" s="22">
        <v>417017</v>
      </c>
    </row>
    <row r="19" spans="1:32" ht="20.100000000000001" customHeight="1">
      <c r="A19" s="23">
        <v>2</v>
      </c>
      <c r="B19" s="24">
        <v>113</v>
      </c>
      <c r="C19" s="24">
        <v>109</v>
      </c>
      <c r="D19" s="25">
        <v>222</v>
      </c>
      <c r="E19" s="24">
        <v>196</v>
      </c>
      <c r="F19" s="24">
        <v>201</v>
      </c>
      <c r="G19" s="25">
        <v>397</v>
      </c>
      <c r="H19" s="25">
        <v>-175</v>
      </c>
      <c r="I19" s="24">
        <v>311</v>
      </c>
      <c r="J19" s="24">
        <v>128</v>
      </c>
      <c r="K19" s="24">
        <v>112</v>
      </c>
      <c r="L19" s="25">
        <v>240</v>
      </c>
      <c r="M19" s="24">
        <v>356</v>
      </c>
      <c r="N19" s="24">
        <v>318</v>
      </c>
      <c r="O19" s="24">
        <v>223</v>
      </c>
      <c r="P19" s="25">
        <v>541</v>
      </c>
      <c r="Q19" s="25">
        <v>781</v>
      </c>
      <c r="R19" s="24">
        <v>361</v>
      </c>
      <c r="S19" s="24">
        <v>149</v>
      </c>
      <c r="T19" s="24">
        <v>126</v>
      </c>
      <c r="U19" s="25">
        <v>275</v>
      </c>
      <c r="V19" s="24">
        <v>394</v>
      </c>
      <c r="W19" s="24">
        <v>385</v>
      </c>
      <c r="X19" s="24">
        <v>266</v>
      </c>
      <c r="Y19" s="25">
        <v>651</v>
      </c>
      <c r="Z19" s="25">
        <v>926</v>
      </c>
      <c r="AA19" s="25">
        <v>-145</v>
      </c>
      <c r="AB19" s="25">
        <v>-320</v>
      </c>
      <c r="AC19" s="26">
        <v>178422</v>
      </c>
      <c r="AD19" s="26">
        <v>203009</v>
      </c>
      <c r="AE19" s="26">
        <v>213688</v>
      </c>
      <c r="AF19" s="27">
        <v>416697</v>
      </c>
    </row>
    <row r="20" spans="1:32" ht="20.100000000000001" customHeight="1">
      <c r="A20" s="23">
        <v>3</v>
      </c>
      <c r="B20" s="24">
        <v>112</v>
      </c>
      <c r="C20" s="24">
        <v>118</v>
      </c>
      <c r="D20" s="25">
        <v>230</v>
      </c>
      <c r="E20" s="24">
        <v>219</v>
      </c>
      <c r="F20" s="24">
        <v>197</v>
      </c>
      <c r="G20" s="25">
        <v>416</v>
      </c>
      <c r="H20" s="25">
        <v>-186</v>
      </c>
      <c r="I20" s="24">
        <v>628</v>
      </c>
      <c r="J20" s="24">
        <v>318</v>
      </c>
      <c r="K20" s="24">
        <v>300</v>
      </c>
      <c r="L20" s="25">
        <v>618</v>
      </c>
      <c r="M20" s="24">
        <v>1037</v>
      </c>
      <c r="N20" s="24">
        <v>966</v>
      </c>
      <c r="O20" s="24">
        <v>709</v>
      </c>
      <c r="P20" s="25">
        <v>1675</v>
      </c>
      <c r="Q20" s="25">
        <v>2293</v>
      </c>
      <c r="R20" s="24">
        <v>556</v>
      </c>
      <c r="S20" s="24">
        <v>367</v>
      </c>
      <c r="T20" s="24">
        <v>229</v>
      </c>
      <c r="U20" s="25">
        <v>596</v>
      </c>
      <c r="V20" s="24">
        <v>1000</v>
      </c>
      <c r="W20" s="24">
        <v>1337</v>
      </c>
      <c r="X20" s="24">
        <v>967</v>
      </c>
      <c r="Y20" s="25">
        <v>2304</v>
      </c>
      <c r="Z20" s="25">
        <v>2900</v>
      </c>
      <c r="AA20" s="25">
        <v>-607</v>
      </c>
      <c r="AB20" s="25">
        <v>-793</v>
      </c>
      <c r="AC20" s="26">
        <v>178531</v>
      </c>
      <c r="AD20" s="26">
        <v>202482</v>
      </c>
      <c r="AE20" s="26">
        <v>213422</v>
      </c>
      <c r="AF20" s="27">
        <v>415904</v>
      </c>
    </row>
    <row r="21" spans="1:32" ht="20.100000000000001" customHeight="1">
      <c r="A21" s="23">
        <v>4</v>
      </c>
      <c r="B21" s="24">
        <v>123</v>
      </c>
      <c r="C21" s="24">
        <v>128</v>
      </c>
      <c r="D21" s="25">
        <v>251</v>
      </c>
      <c r="E21" s="24">
        <v>188</v>
      </c>
      <c r="F21" s="24">
        <v>178</v>
      </c>
      <c r="G21" s="25">
        <v>366</v>
      </c>
      <c r="H21" s="25">
        <v>-115</v>
      </c>
      <c r="I21" s="24">
        <v>495</v>
      </c>
      <c r="J21" s="24">
        <v>192</v>
      </c>
      <c r="K21" s="24">
        <v>187</v>
      </c>
      <c r="L21" s="25">
        <v>379</v>
      </c>
      <c r="M21" s="24">
        <v>1019</v>
      </c>
      <c r="N21" s="24">
        <v>885</v>
      </c>
      <c r="O21" s="24">
        <v>547</v>
      </c>
      <c r="P21" s="25">
        <v>1432</v>
      </c>
      <c r="Q21" s="25">
        <v>1811</v>
      </c>
      <c r="R21" s="24">
        <v>376</v>
      </c>
      <c r="S21" s="24">
        <v>157</v>
      </c>
      <c r="T21" s="24">
        <v>138</v>
      </c>
      <c r="U21" s="25">
        <v>295</v>
      </c>
      <c r="V21" s="24">
        <v>617</v>
      </c>
      <c r="W21" s="24">
        <v>794</v>
      </c>
      <c r="X21" s="24">
        <v>485</v>
      </c>
      <c r="Y21" s="25">
        <v>1279</v>
      </c>
      <c r="Z21" s="25">
        <v>1574</v>
      </c>
      <c r="AA21" s="25">
        <v>237</v>
      </c>
      <c r="AB21" s="25">
        <v>122</v>
      </c>
      <c r="AC21" s="26">
        <v>179052</v>
      </c>
      <c r="AD21" s="26">
        <v>202543</v>
      </c>
      <c r="AE21" s="26">
        <v>213483</v>
      </c>
      <c r="AF21" s="27">
        <v>416026</v>
      </c>
    </row>
    <row r="22" spans="1:32" ht="20.100000000000001" customHeight="1">
      <c r="A22" s="23">
        <v>5</v>
      </c>
      <c r="B22" s="24"/>
      <c r="C22" s="24"/>
      <c r="D22" s="25">
        <v>0</v>
      </c>
      <c r="E22" s="24"/>
      <c r="F22" s="24"/>
      <c r="G22" s="25">
        <v>0</v>
      </c>
      <c r="H22" s="25">
        <v>0</v>
      </c>
      <c r="I22" s="24"/>
      <c r="J22" s="24"/>
      <c r="K22" s="24"/>
      <c r="L22" s="25">
        <v>0</v>
      </c>
      <c r="M22" s="24"/>
      <c r="N22" s="24"/>
      <c r="O22" s="24"/>
      <c r="P22" s="25">
        <v>0</v>
      </c>
      <c r="Q22" s="25">
        <v>0</v>
      </c>
      <c r="R22" s="24"/>
      <c r="S22" s="24"/>
      <c r="T22" s="24"/>
      <c r="U22" s="25">
        <v>0</v>
      </c>
      <c r="V22" s="24"/>
      <c r="W22" s="24"/>
      <c r="X22" s="24"/>
      <c r="Y22" s="25">
        <v>0</v>
      </c>
      <c r="Z22" s="25">
        <v>0</v>
      </c>
      <c r="AA22" s="25">
        <v>0</v>
      </c>
      <c r="AB22" s="25">
        <v>0</v>
      </c>
      <c r="AC22" s="26" t="s">
        <v>29</v>
      </c>
      <c r="AD22" s="26" t="s">
        <v>29</v>
      </c>
      <c r="AE22" s="26" t="s">
        <v>29</v>
      </c>
      <c r="AF22" s="27">
        <v>0</v>
      </c>
    </row>
    <row r="23" spans="1:32" ht="20.100000000000001" customHeight="1">
      <c r="A23" s="23">
        <v>6</v>
      </c>
      <c r="B23" s="24"/>
      <c r="C23" s="24"/>
      <c r="D23" s="25">
        <v>0</v>
      </c>
      <c r="E23" s="24"/>
      <c r="F23" s="24"/>
      <c r="G23" s="25">
        <v>0</v>
      </c>
      <c r="H23" s="25">
        <v>0</v>
      </c>
      <c r="I23" s="24"/>
      <c r="J23" s="24"/>
      <c r="K23" s="24"/>
      <c r="L23" s="25">
        <v>0</v>
      </c>
      <c r="M23" s="24"/>
      <c r="N23" s="24"/>
      <c r="O23" s="24"/>
      <c r="P23" s="25">
        <v>0</v>
      </c>
      <c r="Q23" s="25">
        <v>0</v>
      </c>
      <c r="R23" s="24"/>
      <c r="S23" s="24"/>
      <c r="T23" s="24"/>
      <c r="U23" s="25">
        <v>0</v>
      </c>
      <c r="V23" s="24"/>
      <c r="W23" s="24"/>
      <c r="X23" s="24"/>
      <c r="Y23" s="25">
        <v>0</v>
      </c>
      <c r="Z23" s="25">
        <v>0</v>
      </c>
      <c r="AA23" s="25">
        <v>0</v>
      </c>
      <c r="AB23" s="25">
        <v>0</v>
      </c>
      <c r="AC23" s="26" t="s">
        <v>29</v>
      </c>
      <c r="AD23" s="26" t="s">
        <v>29</v>
      </c>
      <c r="AE23" s="26" t="s">
        <v>29</v>
      </c>
      <c r="AF23" s="27">
        <v>0</v>
      </c>
    </row>
    <row r="24" spans="1:32" ht="20.100000000000001" customHeight="1">
      <c r="A24" s="23">
        <v>7</v>
      </c>
      <c r="B24" s="24"/>
      <c r="C24" s="24"/>
      <c r="D24" s="25">
        <v>0</v>
      </c>
      <c r="E24" s="24"/>
      <c r="F24" s="24"/>
      <c r="G24" s="25">
        <v>0</v>
      </c>
      <c r="H24" s="25">
        <v>0</v>
      </c>
      <c r="I24" s="24"/>
      <c r="J24" s="24"/>
      <c r="K24" s="24"/>
      <c r="L24" s="25">
        <v>0</v>
      </c>
      <c r="M24" s="24"/>
      <c r="N24" s="24"/>
      <c r="O24" s="24"/>
      <c r="P24" s="25">
        <v>0</v>
      </c>
      <c r="Q24" s="25">
        <v>0</v>
      </c>
      <c r="R24" s="24"/>
      <c r="S24" s="24"/>
      <c r="T24" s="24"/>
      <c r="U24" s="25">
        <v>0</v>
      </c>
      <c r="V24" s="24"/>
      <c r="W24" s="24"/>
      <c r="X24" s="24"/>
      <c r="Y24" s="25">
        <v>0</v>
      </c>
      <c r="Z24" s="25">
        <v>0</v>
      </c>
      <c r="AA24" s="25">
        <v>0</v>
      </c>
      <c r="AB24" s="25">
        <v>0</v>
      </c>
      <c r="AC24" s="26" t="s">
        <v>29</v>
      </c>
      <c r="AD24" s="26" t="s">
        <v>29</v>
      </c>
      <c r="AE24" s="26" t="s">
        <v>29</v>
      </c>
      <c r="AF24" s="27">
        <v>0</v>
      </c>
    </row>
    <row r="25" spans="1:32" ht="20.100000000000001" customHeight="1">
      <c r="A25" s="23">
        <v>8</v>
      </c>
      <c r="B25" s="24"/>
      <c r="C25" s="24"/>
      <c r="D25" s="25">
        <v>0</v>
      </c>
      <c r="E25" s="24"/>
      <c r="F25" s="24"/>
      <c r="G25" s="25">
        <v>0</v>
      </c>
      <c r="H25" s="25">
        <v>0</v>
      </c>
      <c r="I25" s="24"/>
      <c r="J25" s="24"/>
      <c r="K25" s="24"/>
      <c r="L25" s="25">
        <v>0</v>
      </c>
      <c r="M25" s="24"/>
      <c r="N25" s="24"/>
      <c r="O25" s="24"/>
      <c r="P25" s="25">
        <v>0</v>
      </c>
      <c r="Q25" s="25">
        <v>0</v>
      </c>
      <c r="R25" s="24"/>
      <c r="S25" s="24"/>
      <c r="T25" s="24"/>
      <c r="U25" s="25">
        <v>0</v>
      </c>
      <c r="V25" s="24"/>
      <c r="W25" s="24"/>
      <c r="X25" s="24"/>
      <c r="Y25" s="25">
        <v>0</v>
      </c>
      <c r="Z25" s="25">
        <v>0</v>
      </c>
      <c r="AA25" s="25">
        <v>0</v>
      </c>
      <c r="AB25" s="25">
        <v>0</v>
      </c>
      <c r="AC25" s="26" t="s">
        <v>29</v>
      </c>
      <c r="AD25" s="26" t="s">
        <v>29</v>
      </c>
      <c r="AE25" s="26" t="s">
        <v>29</v>
      </c>
      <c r="AF25" s="27">
        <v>0</v>
      </c>
    </row>
    <row r="26" spans="1:32" ht="20.100000000000001" customHeight="1">
      <c r="A26" s="23">
        <v>9</v>
      </c>
      <c r="B26" s="24"/>
      <c r="C26" s="24"/>
      <c r="D26" s="25">
        <v>0</v>
      </c>
      <c r="E26" s="24"/>
      <c r="F26" s="24"/>
      <c r="G26" s="25">
        <v>0</v>
      </c>
      <c r="H26" s="25">
        <v>0</v>
      </c>
      <c r="I26" s="24"/>
      <c r="J26" s="24"/>
      <c r="K26" s="24"/>
      <c r="L26" s="25">
        <v>0</v>
      </c>
      <c r="M26" s="24"/>
      <c r="N26" s="24"/>
      <c r="O26" s="24"/>
      <c r="P26" s="25">
        <v>0</v>
      </c>
      <c r="Q26" s="25">
        <v>0</v>
      </c>
      <c r="R26" s="24"/>
      <c r="S26" s="24"/>
      <c r="T26" s="24"/>
      <c r="U26" s="25">
        <v>0</v>
      </c>
      <c r="V26" s="24"/>
      <c r="W26" s="24"/>
      <c r="X26" s="24"/>
      <c r="Y26" s="25">
        <v>0</v>
      </c>
      <c r="Z26" s="25">
        <v>0</v>
      </c>
      <c r="AA26" s="25">
        <v>0</v>
      </c>
      <c r="AB26" s="25">
        <v>0</v>
      </c>
      <c r="AC26" s="26" t="s">
        <v>29</v>
      </c>
      <c r="AD26" s="26" t="s">
        <v>29</v>
      </c>
      <c r="AE26" s="26" t="s">
        <v>29</v>
      </c>
      <c r="AF26" s="27">
        <v>0</v>
      </c>
    </row>
    <row r="27" spans="1:32" ht="20.100000000000001" customHeight="1">
      <c r="A27" s="23">
        <v>10</v>
      </c>
      <c r="B27" s="24"/>
      <c r="C27" s="24"/>
      <c r="D27" s="25">
        <v>0</v>
      </c>
      <c r="E27" s="24"/>
      <c r="F27" s="24"/>
      <c r="G27" s="25">
        <v>0</v>
      </c>
      <c r="H27" s="25">
        <v>0</v>
      </c>
      <c r="I27" s="24"/>
      <c r="J27" s="24"/>
      <c r="K27" s="24"/>
      <c r="L27" s="25">
        <v>0</v>
      </c>
      <c r="M27" s="24"/>
      <c r="N27" s="24"/>
      <c r="O27" s="24"/>
      <c r="P27" s="25">
        <v>0</v>
      </c>
      <c r="Q27" s="25">
        <v>0</v>
      </c>
      <c r="R27" s="24"/>
      <c r="S27" s="24"/>
      <c r="T27" s="24"/>
      <c r="U27" s="25">
        <v>0</v>
      </c>
      <c r="V27" s="24"/>
      <c r="W27" s="24"/>
      <c r="X27" s="24"/>
      <c r="Y27" s="25">
        <v>0</v>
      </c>
      <c r="Z27" s="25">
        <v>0</v>
      </c>
      <c r="AA27" s="25">
        <v>0</v>
      </c>
      <c r="AB27" s="25">
        <v>0</v>
      </c>
      <c r="AC27" s="26" t="s">
        <v>29</v>
      </c>
      <c r="AD27" s="26" t="s">
        <v>29</v>
      </c>
      <c r="AE27" s="26" t="s">
        <v>29</v>
      </c>
      <c r="AF27" s="27">
        <v>0</v>
      </c>
    </row>
    <row r="28" spans="1:32" ht="20.100000000000001" customHeight="1">
      <c r="A28" s="23">
        <v>11</v>
      </c>
      <c r="B28" s="24"/>
      <c r="C28" s="24"/>
      <c r="D28" s="25">
        <v>0</v>
      </c>
      <c r="E28" s="24"/>
      <c r="F28" s="24"/>
      <c r="G28" s="25">
        <v>0</v>
      </c>
      <c r="H28" s="25">
        <v>0</v>
      </c>
      <c r="I28" s="24"/>
      <c r="J28" s="24"/>
      <c r="K28" s="24"/>
      <c r="L28" s="25">
        <v>0</v>
      </c>
      <c r="M28" s="24"/>
      <c r="N28" s="24"/>
      <c r="O28" s="24"/>
      <c r="P28" s="25">
        <v>0</v>
      </c>
      <c r="Q28" s="25">
        <v>0</v>
      </c>
      <c r="R28" s="24"/>
      <c r="S28" s="24"/>
      <c r="T28" s="24"/>
      <c r="U28" s="25">
        <v>0</v>
      </c>
      <c r="V28" s="24"/>
      <c r="W28" s="24"/>
      <c r="X28" s="24"/>
      <c r="Y28" s="25">
        <v>0</v>
      </c>
      <c r="Z28" s="25">
        <v>0</v>
      </c>
      <c r="AA28" s="25">
        <v>0</v>
      </c>
      <c r="AB28" s="25">
        <v>0</v>
      </c>
      <c r="AC28" s="26" t="s">
        <v>29</v>
      </c>
      <c r="AD28" s="26" t="s">
        <v>29</v>
      </c>
      <c r="AE28" s="26" t="s">
        <v>29</v>
      </c>
      <c r="AF28" s="27">
        <v>0</v>
      </c>
    </row>
    <row r="29" spans="1:32" ht="20.100000000000001" customHeight="1">
      <c r="A29" s="28">
        <v>12</v>
      </c>
      <c r="B29" s="29"/>
      <c r="C29" s="29"/>
      <c r="D29" s="30">
        <v>0</v>
      </c>
      <c r="E29" s="29"/>
      <c r="F29" s="29"/>
      <c r="G29" s="30">
        <v>0</v>
      </c>
      <c r="H29" s="30">
        <v>0</v>
      </c>
      <c r="I29" s="29"/>
      <c r="J29" s="29"/>
      <c r="K29" s="29"/>
      <c r="L29" s="30">
        <v>0</v>
      </c>
      <c r="M29" s="29"/>
      <c r="N29" s="29"/>
      <c r="O29" s="29"/>
      <c r="P29" s="30">
        <v>0</v>
      </c>
      <c r="Q29" s="30">
        <v>0</v>
      </c>
      <c r="R29" s="29"/>
      <c r="S29" s="29"/>
      <c r="T29" s="29"/>
      <c r="U29" s="30">
        <v>0</v>
      </c>
      <c r="V29" s="29"/>
      <c r="W29" s="29"/>
      <c r="X29" s="29"/>
      <c r="Y29" s="30">
        <v>0</v>
      </c>
      <c r="Z29" s="30">
        <v>0</v>
      </c>
      <c r="AA29" s="30">
        <v>0</v>
      </c>
      <c r="AB29" s="30">
        <v>0</v>
      </c>
      <c r="AC29" s="31" t="s">
        <v>29</v>
      </c>
      <c r="AD29" s="31" t="s">
        <v>29</v>
      </c>
      <c r="AE29" s="31" t="s">
        <v>29</v>
      </c>
      <c r="AF29" s="32">
        <v>0</v>
      </c>
    </row>
    <row r="30" spans="1:32" ht="20.100000000000001" customHeight="1">
      <c r="A30" s="14" t="s">
        <v>24</v>
      </c>
      <c r="B30" s="33">
        <v>482</v>
      </c>
      <c r="C30" s="33">
        <v>495</v>
      </c>
      <c r="D30" s="33">
        <v>977</v>
      </c>
      <c r="E30" s="33">
        <v>818</v>
      </c>
      <c r="F30" s="33">
        <v>834</v>
      </c>
      <c r="G30" s="33">
        <v>1652</v>
      </c>
      <c r="H30" s="33">
        <v>-675</v>
      </c>
      <c r="I30" s="33">
        <v>1720</v>
      </c>
      <c r="J30" s="33">
        <v>736</v>
      </c>
      <c r="K30" s="33">
        <v>704</v>
      </c>
      <c r="L30" s="33">
        <v>1440</v>
      </c>
      <c r="M30" s="33">
        <v>2796</v>
      </c>
      <c r="N30" s="33">
        <v>2526</v>
      </c>
      <c r="O30" s="33">
        <v>1711</v>
      </c>
      <c r="P30" s="33">
        <v>4237</v>
      </c>
      <c r="Q30" s="33">
        <v>5677</v>
      </c>
      <c r="R30" s="33">
        <v>1695</v>
      </c>
      <c r="S30" s="33">
        <v>807</v>
      </c>
      <c r="T30" s="33">
        <v>619</v>
      </c>
      <c r="U30" s="33">
        <v>1426</v>
      </c>
      <c r="V30" s="33">
        <v>2319</v>
      </c>
      <c r="W30" s="33">
        <v>2858</v>
      </c>
      <c r="X30" s="33">
        <v>1926</v>
      </c>
      <c r="Y30" s="33">
        <v>4784</v>
      </c>
      <c r="Z30" s="33">
        <v>6210</v>
      </c>
      <c r="AA30" s="33">
        <v>-533</v>
      </c>
      <c r="AB30" s="33">
        <v>-1208</v>
      </c>
      <c r="AC30" s="34"/>
      <c r="AD30" s="34"/>
      <c r="AE30" s="34"/>
      <c r="AF30" s="35"/>
    </row>
    <row r="31" spans="1:32">
      <c r="H31" s="36"/>
      <c r="I31" s="36"/>
      <c r="J31" s="36"/>
      <c r="K31" s="36"/>
      <c r="L31" s="36"/>
      <c r="M31" s="36"/>
      <c r="N31" s="36"/>
      <c r="O31" s="36"/>
      <c r="P31" s="36"/>
      <c r="Q31" s="36"/>
      <c r="R31" s="36"/>
      <c r="S31" s="36"/>
      <c r="T31" s="36"/>
      <c r="U31" s="36"/>
      <c r="V31" s="36"/>
      <c r="W31" s="36"/>
      <c r="X31" s="36"/>
      <c r="Y31" s="36"/>
      <c r="Z31" s="36"/>
      <c r="AA31" s="36"/>
      <c r="AB31" s="36"/>
      <c r="AC31" s="36"/>
      <c r="AD31" s="36"/>
      <c r="AE31" s="36"/>
      <c r="AF31" s="36"/>
    </row>
    <row r="32" spans="1:32">
      <c r="B32" s="37" t="s">
        <v>30</v>
      </c>
      <c r="E32" s="36"/>
      <c r="F32" s="36"/>
      <c r="G32" s="36"/>
      <c r="H32" s="36"/>
      <c r="I32" s="36"/>
      <c r="J32" s="36"/>
      <c r="K32" s="36"/>
      <c r="L32" s="36"/>
      <c r="M32" s="36"/>
      <c r="N32" s="36"/>
      <c r="O32" s="36"/>
      <c r="P32" s="36"/>
      <c r="Q32" s="36"/>
      <c r="R32" s="36"/>
      <c r="S32" s="36"/>
      <c r="T32" s="36"/>
      <c r="U32" s="36"/>
      <c r="V32" s="36"/>
      <c r="W32" s="36"/>
      <c r="X32" s="36"/>
      <c r="Y32" s="36"/>
      <c r="AA32" s="36"/>
      <c r="AB32" s="38"/>
      <c r="AC32" s="38"/>
      <c r="AD32" s="38"/>
      <c r="AE32" s="38"/>
      <c r="AF32" s="38"/>
    </row>
    <row r="33" spans="2:2">
      <c r="B33" s="37" t="s">
        <v>31</v>
      </c>
    </row>
  </sheetData>
  <mergeCells count="27">
    <mergeCell ref="M6:O6"/>
    <mergeCell ref="R6:T6"/>
    <mergeCell ref="M1:W1"/>
    <mergeCell ref="K3:O3"/>
    <mergeCell ref="P3:T3"/>
    <mergeCell ref="M5:O5"/>
    <mergeCell ref="R5:T5"/>
    <mergeCell ref="A14:A16"/>
    <mergeCell ref="B14:H14"/>
    <mergeCell ref="I14:AA14"/>
    <mergeCell ref="B15:D16"/>
    <mergeCell ref="E15:G16"/>
    <mergeCell ref="R7:T7"/>
    <mergeCell ref="R8:T8"/>
    <mergeCell ref="M10:O10"/>
    <mergeCell ref="R10:T10"/>
    <mergeCell ref="K12:X12"/>
    <mergeCell ref="AC15:AF16"/>
    <mergeCell ref="I16:L16"/>
    <mergeCell ref="M16:P16"/>
    <mergeCell ref="R16:U16"/>
    <mergeCell ref="V16:Y16"/>
    <mergeCell ref="H15:H16"/>
    <mergeCell ref="I15:Q15"/>
    <mergeCell ref="R15:Z15"/>
    <mergeCell ref="AA15:AA16"/>
    <mergeCell ref="AB15:AB1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5-08T07:14:17Z</dcterms:created>
  <dcterms:modified xsi:type="dcterms:W3CDTF">2019-05-09T01:54:05Z</dcterms:modified>
</cp:coreProperties>
</file>